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統計書2021(R3)\02完了分\第3章 農業・漁業\01公表用\"/>
    </mc:Choice>
  </mc:AlternateContent>
  <xr:revisionPtr revIDLastSave="0" documentId="13_ncr:1_{50C59653-3C0A-497E-A256-058DB9F70382}" xr6:coauthVersionLast="44" xr6:coauthVersionMax="44" xr10:uidLastSave="{00000000-0000-0000-0000-000000000000}"/>
  <bookViews>
    <workbookView xWindow="-108" yWindow="-108" windowWidth="23256" windowHeight="12576" xr2:uid="{00000000-000D-0000-FFFF-FFFF00000000}"/>
  </bookViews>
  <sheets>
    <sheet name="２－１　漁業経営体（個人）" sheetId="1" r:id="rId1"/>
  </sheets>
  <definedNames>
    <definedName name="_xlnm.Print_Area" localSheetId="0">'２－１　漁業経営体（個人）'!$A$1:$I$48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D7" i="1" l="1"/>
  <c r="D8" i="1"/>
  <c r="D9" i="1"/>
  <c r="D10" i="1"/>
  <c r="D11" i="1"/>
  <c r="D12" i="1"/>
</calcChain>
</file>

<file path=xl/sharedStrings.xml><?xml version="1.0" encoding="utf-8"?>
<sst xmlns="http://schemas.openxmlformats.org/spreadsheetml/2006/main" count="69" uniqueCount="33">
  <si>
    <t>浜益区</t>
    <rPh sb="0" eb="2">
      <t>ｈ</t>
    </rPh>
    <rPh sb="2" eb="3">
      <t>ク</t>
    </rPh>
    <phoneticPr fontId="2"/>
  </si>
  <si>
    <t>厚田区</t>
    <rPh sb="0" eb="2">
      <t>ア</t>
    </rPh>
    <rPh sb="2" eb="3">
      <t>ク</t>
    </rPh>
    <phoneticPr fontId="2"/>
  </si>
  <si>
    <t>石狩地区</t>
    <rPh sb="0" eb="2">
      <t>イシカリ</t>
    </rPh>
    <rPh sb="2" eb="4">
      <t>チク</t>
    </rPh>
    <phoneticPr fontId="2"/>
  </si>
  <si>
    <t>平成25年</t>
    <rPh sb="0" eb="2">
      <t>ｈ</t>
    </rPh>
    <rPh sb="4" eb="5">
      <t>ネン</t>
    </rPh>
    <phoneticPr fontId="3"/>
  </si>
  <si>
    <t>平成20年</t>
    <rPh sb="0" eb="2">
      <t>ｈ</t>
    </rPh>
    <rPh sb="4" eb="5">
      <t>ネン</t>
    </rPh>
    <phoneticPr fontId="3"/>
  </si>
  <si>
    <t>浜益村</t>
    <rPh sb="0" eb="2">
      <t>ｈ</t>
    </rPh>
    <rPh sb="2" eb="3">
      <t>ムラ</t>
    </rPh>
    <phoneticPr fontId="2"/>
  </si>
  <si>
    <t>厚田村</t>
    <rPh sb="0" eb="2">
      <t>ア</t>
    </rPh>
    <rPh sb="2" eb="3">
      <t>ムラ</t>
    </rPh>
    <phoneticPr fontId="2"/>
  </si>
  <si>
    <t>石狩市</t>
    <rPh sb="0" eb="3">
      <t>イ</t>
    </rPh>
    <phoneticPr fontId="2"/>
  </si>
  <si>
    <t>平成15年</t>
    <rPh sb="0" eb="2">
      <t>ｈ</t>
    </rPh>
    <rPh sb="4" eb="5">
      <t>ネン</t>
    </rPh>
    <phoneticPr fontId="3"/>
  </si>
  <si>
    <t>平成10年</t>
    <rPh sb="0" eb="2">
      <t>ｈ</t>
    </rPh>
    <rPh sb="4" eb="5">
      <t>ネン</t>
    </rPh>
    <phoneticPr fontId="3"/>
  </si>
  <si>
    <t>石狩町</t>
    <rPh sb="0" eb="2">
      <t>イシカリ</t>
    </rPh>
    <rPh sb="2" eb="3">
      <t>マチ</t>
    </rPh>
    <phoneticPr fontId="2"/>
  </si>
  <si>
    <t>平成5年</t>
    <rPh sb="0" eb="2">
      <t>ｈ</t>
    </rPh>
    <rPh sb="3" eb="4">
      <t>ネン</t>
    </rPh>
    <phoneticPr fontId="3"/>
  </si>
  <si>
    <t>昭和63年</t>
    <rPh sb="0" eb="2">
      <t>ｓ</t>
    </rPh>
    <rPh sb="4" eb="5">
      <t>ネン</t>
    </rPh>
    <phoneticPr fontId="3"/>
  </si>
  <si>
    <t>昭和58年</t>
    <rPh sb="0" eb="2">
      <t>ｓ</t>
    </rPh>
    <rPh sb="4" eb="5">
      <t>ネン</t>
    </rPh>
    <phoneticPr fontId="3"/>
  </si>
  <si>
    <t>昭和53年</t>
    <rPh sb="0" eb="2">
      <t>ｓ</t>
    </rPh>
    <rPh sb="4" eb="5">
      <t>ネン</t>
    </rPh>
    <phoneticPr fontId="3"/>
  </si>
  <si>
    <t>昭和48年</t>
    <rPh sb="0" eb="2">
      <t>ｓ</t>
    </rPh>
    <rPh sb="4" eb="5">
      <t>ネン</t>
    </rPh>
    <phoneticPr fontId="3"/>
  </si>
  <si>
    <t>昭和43年</t>
    <rPh sb="0" eb="2">
      <t>ｓ</t>
    </rPh>
    <rPh sb="4" eb="5">
      <t>ネン</t>
    </rPh>
    <phoneticPr fontId="3"/>
  </si>
  <si>
    <t>昭和38年</t>
    <rPh sb="0" eb="2">
      <t>ｓ</t>
    </rPh>
    <rPh sb="4" eb="5">
      <t>ネン</t>
    </rPh>
    <phoneticPr fontId="3"/>
  </si>
  <si>
    <t>昭和29年</t>
    <rPh sb="0" eb="2">
      <t>ｓ</t>
    </rPh>
    <rPh sb="4" eb="5">
      <t>ネン</t>
    </rPh>
    <phoneticPr fontId="3"/>
  </si>
  <si>
    <t>昭和24年</t>
    <rPh sb="0" eb="2">
      <t>ｓ</t>
    </rPh>
    <rPh sb="4" eb="5">
      <t>ネン</t>
    </rPh>
    <phoneticPr fontId="3"/>
  </si>
  <si>
    <t>うち、自営漁業従事者は漁業のみに従事</t>
    <rPh sb="3" eb="5">
      <t>ジエイ</t>
    </rPh>
    <rPh sb="5" eb="7">
      <t>ギョギョウ</t>
    </rPh>
    <rPh sb="7" eb="9">
      <t>ジュウジ</t>
    </rPh>
    <rPh sb="9" eb="10">
      <t>シャ</t>
    </rPh>
    <rPh sb="11" eb="13">
      <t>ギョギョウ</t>
    </rPh>
    <rPh sb="16" eb="18">
      <t>ジュウジ</t>
    </rPh>
    <phoneticPr fontId="3"/>
  </si>
  <si>
    <t>第２種兼業</t>
    <rPh sb="0" eb="1">
      <t>ダイ</t>
    </rPh>
    <rPh sb="2" eb="3">
      <t>シュ</t>
    </rPh>
    <rPh sb="3" eb="5">
      <t>ケンギョウ</t>
    </rPh>
    <phoneticPr fontId="3"/>
  </si>
  <si>
    <t>第１種兼業</t>
    <rPh sb="0" eb="1">
      <t>ダイ</t>
    </rPh>
    <rPh sb="2" eb="3">
      <t>シュ</t>
    </rPh>
    <rPh sb="3" eb="5">
      <t>ケンギョウ</t>
    </rPh>
    <phoneticPr fontId="3"/>
  </si>
  <si>
    <t>兼業</t>
    <rPh sb="0" eb="2">
      <t>ケンギョウ</t>
    </rPh>
    <phoneticPr fontId="3"/>
  </si>
  <si>
    <r>
      <t>専業</t>
    </r>
    <r>
      <rPr>
        <sz val="8"/>
        <rFont val="ＭＳ 明朝"/>
        <family val="1"/>
        <charset val="128"/>
      </rPr>
      <t xml:space="preserve">
</t>
    </r>
    <r>
      <rPr>
        <sz val="6"/>
        <rFont val="ＭＳ 明朝"/>
        <family val="1"/>
        <charset val="128"/>
      </rPr>
      <t>(自家漁業のみ)</t>
    </r>
    <rPh sb="0" eb="2">
      <t>センギョウ</t>
    </rPh>
    <rPh sb="4" eb="6">
      <t>ジカ</t>
    </rPh>
    <rPh sb="6" eb="8">
      <t>ギョギョウ</t>
    </rPh>
    <phoneticPr fontId="3"/>
  </si>
  <si>
    <t>計</t>
    <rPh sb="0" eb="1">
      <t>ケイ</t>
    </rPh>
    <phoneticPr fontId="3"/>
  </si>
  <si>
    <t>地区</t>
    <rPh sb="0" eb="2">
      <t>チク</t>
    </rPh>
    <phoneticPr fontId="2"/>
  </si>
  <si>
    <t>和歴</t>
    <rPh sb="0" eb="1">
      <t>ワ</t>
    </rPh>
    <rPh sb="1" eb="2">
      <t>レキ</t>
    </rPh>
    <phoneticPr fontId="2"/>
  </si>
  <si>
    <t>西暦</t>
    <rPh sb="0" eb="2">
      <t>セイレキ</t>
    </rPh>
    <phoneticPr fontId="2"/>
  </si>
  <si>
    <t>（各年１１月１日現在　単位：体）</t>
    <rPh sb="14" eb="15">
      <t>タイ</t>
    </rPh>
    <phoneticPr fontId="1"/>
  </si>
  <si>
    <t>資料：漁業センサス結果報告書</t>
    <rPh sb="0" eb="2">
      <t>シリョウ</t>
    </rPh>
    <phoneticPr fontId="2"/>
  </si>
  <si>
    <t>２－１　漁業経営体（個人）</t>
    <rPh sb="4" eb="6">
      <t>ギョギョウ</t>
    </rPh>
    <rPh sb="6" eb="8">
      <t>ケイエイ</t>
    </rPh>
    <rPh sb="8" eb="9">
      <t>カラダ</t>
    </rPh>
    <rPh sb="10" eb="12">
      <t>コジン</t>
    </rPh>
    <phoneticPr fontId="2"/>
  </si>
  <si>
    <t>平成30年</t>
    <rPh sb="0" eb="2">
      <t>ｈ</t>
    </rPh>
    <rPh sb="4" eb="5">
      <t>ネ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7"/>
      <name val="ＭＳ 明朝"/>
      <family val="1"/>
      <charset val="128"/>
    </font>
    <font>
      <sz val="8"/>
      <name val="ＭＳ 明朝"/>
      <family val="1"/>
      <charset val="128"/>
    </font>
    <font>
      <sz val="9"/>
      <name val="ＭＳ 明朝"/>
      <family val="1"/>
      <charset val="128"/>
    </font>
    <font>
      <b/>
      <sz val="1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43">
    <border>
      <left/>
      <right/>
      <top/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medium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</borders>
  <cellStyleXfs count="2">
    <xf numFmtId="0" fontId="0" fillId="0" borderId="0"/>
    <xf numFmtId="0" fontId="4" fillId="0" borderId="0">
      <alignment vertical="center"/>
    </xf>
  </cellStyleXfs>
  <cellXfs count="62">
    <xf numFmtId="0" fontId="0" fillId="0" borderId="0" xfId="0"/>
    <xf numFmtId="0" fontId="0" fillId="0" borderId="0" xfId="0" applyFill="1"/>
    <xf numFmtId="0" fontId="0" fillId="0" borderId="1" xfId="0" applyBorder="1"/>
    <xf numFmtId="0" fontId="0" fillId="0" borderId="2" xfId="0" applyBorder="1"/>
    <xf numFmtId="0" fontId="0" fillId="0" borderId="3" xfId="0" applyBorder="1"/>
    <xf numFmtId="0" fontId="0" fillId="0" borderId="4" xfId="0" applyFont="1" applyBorder="1" applyAlignment="1">
      <alignment horizontal="center" vertical="center"/>
    </xf>
    <xf numFmtId="0" fontId="0" fillId="0" borderId="7" xfId="0" applyBorder="1"/>
    <xf numFmtId="0" fontId="0" fillId="0" borderId="8" xfId="0" applyBorder="1"/>
    <xf numFmtId="0" fontId="0" fillId="0" borderId="9" xfId="0" applyBorder="1"/>
    <xf numFmtId="0" fontId="0" fillId="0" borderId="10" xfId="0" applyFont="1" applyBorder="1" applyAlignment="1">
      <alignment horizontal="center" vertical="center"/>
    </xf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Font="1" applyBorder="1" applyAlignment="1">
      <alignment horizontal="center" vertical="center"/>
    </xf>
    <xf numFmtId="0" fontId="0" fillId="0" borderId="17" xfId="0" applyBorder="1"/>
    <xf numFmtId="0" fontId="0" fillId="0" borderId="18" xfId="0" applyBorder="1"/>
    <xf numFmtId="0" fontId="0" fillId="0" borderId="19" xfId="0" applyBorder="1"/>
    <xf numFmtId="0" fontId="0" fillId="0" borderId="20" xfId="0" applyFont="1" applyBorder="1" applyAlignment="1">
      <alignment horizontal="center" vertical="center"/>
    </xf>
    <xf numFmtId="0" fontId="0" fillId="2" borderId="17" xfId="0" applyFill="1" applyBorder="1"/>
    <xf numFmtId="0" fontId="0" fillId="2" borderId="18" xfId="0" applyFill="1" applyBorder="1"/>
    <xf numFmtId="0" fontId="0" fillId="2" borderId="7" xfId="0" applyFill="1" applyBorder="1"/>
    <xf numFmtId="0" fontId="0" fillId="2" borderId="8" xfId="0" applyFill="1" applyBorder="1"/>
    <xf numFmtId="0" fontId="0" fillId="2" borderId="13" xfId="0" applyFill="1" applyBorder="1"/>
    <xf numFmtId="0" fontId="0" fillId="2" borderId="14" xfId="0" applyFill="1" applyBorder="1"/>
    <xf numFmtId="0" fontId="5" fillId="0" borderId="18" xfId="1" applyFont="1" applyFill="1" applyBorder="1" applyAlignment="1">
      <alignment horizontal="left" vertical="center" wrapText="1" justifyLastLine="1"/>
    </xf>
    <xf numFmtId="0" fontId="7" fillId="0" borderId="28" xfId="1" applyFont="1" applyFill="1" applyBorder="1" applyAlignment="1">
      <alignment vertical="center" justifyLastLine="1"/>
    </xf>
    <xf numFmtId="0" fontId="7" fillId="0" borderId="30" xfId="1" applyFont="1" applyFill="1" applyBorder="1" applyAlignment="1">
      <alignment vertical="center" justifyLastLine="1"/>
    </xf>
    <xf numFmtId="0" fontId="0" fillId="0" borderId="0" xfId="0" applyAlignment="1">
      <alignment horizontal="right"/>
    </xf>
    <xf numFmtId="0" fontId="8" fillId="0" borderId="0" xfId="0" applyFont="1" applyFill="1"/>
    <xf numFmtId="0" fontId="5" fillId="0" borderId="17" xfId="1" applyFont="1" applyFill="1" applyBorder="1" applyAlignment="1">
      <alignment horizontal="left" vertical="center" wrapText="1" justifyLastLine="1"/>
    </xf>
    <xf numFmtId="0" fontId="0" fillId="0" borderId="38" xfId="0" applyFont="1" applyBorder="1" applyAlignment="1">
      <alignment horizontal="center" vertical="center"/>
    </xf>
    <xf numFmtId="0" fontId="0" fillId="0" borderId="39" xfId="0" applyBorder="1"/>
    <xf numFmtId="0" fontId="0" fillId="0" borderId="40" xfId="0" applyBorder="1"/>
    <xf numFmtId="0" fontId="0" fillId="0" borderId="41" xfId="0" applyBorder="1"/>
    <xf numFmtId="0" fontId="0" fillId="0" borderId="42" xfId="0" applyBorder="1"/>
    <xf numFmtId="0" fontId="7" fillId="0" borderId="33" xfId="1" applyFont="1" applyFill="1" applyBorder="1" applyAlignment="1">
      <alignment horizontal="distributed" vertical="center" wrapText="1" justifyLastLine="1"/>
    </xf>
    <xf numFmtId="0" fontId="7" fillId="0" borderId="11" xfId="1" applyFont="1" applyFill="1" applyBorder="1" applyAlignment="1">
      <alignment horizontal="distributed" vertical="center" wrapText="1" justifyLastLine="1"/>
    </xf>
    <xf numFmtId="0" fontId="0" fillId="0" borderId="25" xfId="0" applyBorder="1" applyAlignment="1">
      <alignment horizontal="center" vertical="center" shrinkToFit="1"/>
    </xf>
    <xf numFmtId="0" fontId="0" fillId="0" borderId="23" xfId="0" applyBorder="1" applyAlignment="1">
      <alignment horizontal="center" vertical="center" shrinkToFit="1"/>
    </xf>
    <xf numFmtId="0" fontId="0" fillId="0" borderId="21" xfId="0" applyBorder="1" applyAlignment="1">
      <alignment horizontal="center" vertical="center" shrinkToFit="1"/>
    </xf>
    <xf numFmtId="0" fontId="0" fillId="0" borderId="26" xfId="0" applyFill="1" applyBorder="1" applyAlignment="1">
      <alignment horizontal="center" vertical="center" shrinkToFit="1"/>
    </xf>
    <xf numFmtId="0" fontId="0" fillId="0" borderId="24" xfId="0" applyFill="1" applyBorder="1" applyAlignment="1">
      <alignment horizontal="center" vertical="center" shrinkToFit="1"/>
    </xf>
    <xf numFmtId="0" fontId="0" fillId="0" borderId="22" xfId="0" applyFill="1" applyBorder="1" applyAlignment="1">
      <alignment horizontal="center" vertical="center" shrinkToFit="1"/>
    </xf>
    <xf numFmtId="0" fontId="0" fillId="0" borderId="11" xfId="0" applyBorder="1" applyAlignment="1">
      <alignment horizontal="center" vertical="center" shrinkToFit="1"/>
    </xf>
    <xf numFmtId="0" fontId="0" fillId="0" borderId="5" xfId="0" applyBorder="1" applyAlignment="1">
      <alignment horizontal="center" vertical="center" shrinkToFit="1"/>
    </xf>
    <xf numFmtId="0" fontId="0" fillId="0" borderId="12" xfId="0" applyFill="1" applyBorder="1" applyAlignment="1">
      <alignment horizontal="center" vertical="center" shrinkToFit="1"/>
    </xf>
    <xf numFmtId="0" fontId="0" fillId="0" borderId="6" xfId="0" applyFill="1" applyBorder="1" applyAlignment="1">
      <alignment horizontal="center" vertical="center" shrinkToFit="1"/>
    </xf>
    <xf numFmtId="0" fontId="0" fillId="0" borderId="0" xfId="0" applyAlignment="1">
      <alignment horizontal="left" vertical="top" wrapText="1"/>
    </xf>
    <xf numFmtId="0" fontId="7" fillId="0" borderId="32" xfId="1" applyFont="1" applyFill="1" applyBorder="1" applyAlignment="1">
      <alignment horizontal="distributed" vertical="center" justifyLastLine="1"/>
    </xf>
    <xf numFmtId="0" fontId="7" fillId="0" borderId="31" xfId="1" applyFont="1" applyFill="1" applyBorder="1" applyAlignment="1">
      <alignment horizontal="distributed" vertical="center" justifyLastLine="1"/>
    </xf>
    <xf numFmtId="0" fontId="6" fillId="0" borderId="29" xfId="1" applyFont="1" applyFill="1" applyBorder="1" applyAlignment="1">
      <alignment horizontal="center" vertical="center" justifyLastLine="1"/>
    </xf>
    <xf numFmtId="0" fontId="6" fillId="0" borderId="18" xfId="1" applyFont="1" applyFill="1" applyBorder="1" applyAlignment="1">
      <alignment horizontal="center" vertical="center" justifyLastLine="1"/>
    </xf>
    <xf numFmtId="0" fontId="7" fillId="0" borderId="34" xfId="1" applyFont="1" applyFill="1" applyBorder="1" applyAlignment="1">
      <alignment horizontal="distributed" vertical="center" justifyLastLine="1"/>
    </xf>
    <xf numFmtId="0" fontId="7" fillId="0" borderId="27" xfId="1" applyFont="1" applyFill="1" applyBorder="1" applyAlignment="1">
      <alignment horizontal="distributed" vertical="center" justifyLastLine="1"/>
    </xf>
    <xf numFmtId="0" fontId="0" fillId="0" borderId="35" xfId="0" applyFont="1" applyFill="1" applyBorder="1" applyAlignment="1">
      <alignment horizontal="center" vertical="center"/>
    </xf>
    <xf numFmtId="0" fontId="0" fillId="0" borderId="10" xfId="0" applyFont="1" applyFill="1" applyBorder="1" applyAlignment="1">
      <alignment horizontal="center" vertical="center"/>
    </xf>
    <xf numFmtId="0" fontId="0" fillId="0" borderId="20" xfId="0" applyFont="1" applyFill="1" applyBorder="1" applyAlignment="1">
      <alignment horizontal="center" vertical="center"/>
    </xf>
    <xf numFmtId="0" fontId="0" fillId="0" borderId="36" xfId="0" applyFont="1" applyFill="1" applyBorder="1" applyAlignment="1">
      <alignment horizontal="center" vertical="center"/>
    </xf>
    <xf numFmtId="0" fontId="0" fillId="0" borderId="23" xfId="0" applyFont="1" applyFill="1" applyBorder="1" applyAlignment="1">
      <alignment horizontal="center" vertical="center"/>
    </xf>
    <xf numFmtId="0" fontId="0" fillId="0" borderId="21" xfId="0" applyFont="1" applyFill="1" applyBorder="1" applyAlignment="1">
      <alignment horizontal="center" vertical="center"/>
    </xf>
    <xf numFmtId="0" fontId="0" fillId="0" borderId="37" xfId="0" applyFont="1" applyFill="1" applyBorder="1" applyAlignment="1">
      <alignment horizontal="center" vertical="center"/>
    </xf>
    <xf numFmtId="0" fontId="0" fillId="0" borderId="12" xfId="0" applyFont="1" applyFill="1" applyBorder="1" applyAlignment="1">
      <alignment horizontal="center" vertical="center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I48"/>
  <sheetViews>
    <sheetView tabSelected="1" view="pageBreakPreview" topLeftCell="A34" zoomScale="160" zoomScaleNormal="100" zoomScaleSheetLayoutView="160" workbookViewId="0">
      <selection activeCell="I48" sqref="I48"/>
    </sheetView>
  </sheetViews>
  <sheetFormatPr defaultRowHeight="13.2" x14ac:dyDescent="0.2"/>
  <cols>
    <col min="1" max="1" width="9" style="1"/>
    <col min="2" max="5" width="8.6640625" customWidth="1"/>
    <col min="6" max="9" width="9.33203125" customWidth="1"/>
  </cols>
  <sheetData>
    <row r="1" spans="1:9" ht="19.2" x14ac:dyDescent="0.25">
      <c r="A1" s="28" t="s">
        <v>31</v>
      </c>
    </row>
    <row r="2" spans="1:9" ht="19.2" x14ac:dyDescent="0.25">
      <c r="A2" s="28"/>
      <c r="B2" s="47" t="s">
        <v>30</v>
      </c>
      <c r="C2" s="47"/>
      <c r="D2" s="47"/>
      <c r="E2" s="47"/>
      <c r="F2" s="47"/>
      <c r="G2" s="47"/>
      <c r="H2" s="47"/>
      <c r="I2" s="47"/>
    </row>
    <row r="3" spans="1:9" ht="19.8" thickBot="1" x14ac:dyDescent="0.3">
      <c r="A3" s="28"/>
      <c r="I3" s="27" t="s">
        <v>29</v>
      </c>
    </row>
    <row r="4" spans="1:9" x14ac:dyDescent="0.2">
      <c r="A4" s="60" t="s">
        <v>28</v>
      </c>
      <c r="B4" s="57" t="s">
        <v>27</v>
      </c>
      <c r="C4" s="54" t="s">
        <v>26</v>
      </c>
      <c r="D4" s="52" t="s">
        <v>25</v>
      </c>
      <c r="E4" s="35" t="s">
        <v>24</v>
      </c>
      <c r="F4" s="48" t="s">
        <v>23</v>
      </c>
      <c r="G4" s="48"/>
      <c r="H4" s="48"/>
      <c r="I4" s="49"/>
    </row>
    <row r="5" spans="1:9" x14ac:dyDescent="0.2">
      <c r="A5" s="61"/>
      <c r="B5" s="58"/>
      <c r="C5" s="55"/>
      <c r="D5" s="53"/>
      <c r="E5" s="36"/>
      <c r="F5" s="50" t="s">
        <v>22</v>
      </c>
      <c r="G5" s="26"/>
      <c r="H5" s="50" t="s">
        <v>21</v>
      </c>
      <c r="I5" s="25"/>
    </row>
    <row r="6" spans="1:9" ht="27" x14ac:dyDescent="0.2">
      <c r="A6" s="61"/>
      <c r="B6" s="59"/>
      <c r="C6" s="56"/>
      <c r="D6" s="53"/>
      <c r="E6" s="36"/>
      <c r="F6" s="51"/>
      <c r="G6" s="24" t="s">
        <v>20</v>
      </c>
      <c r="H6" s="51"/>
      <c r="I6" s="29" t="s">
        <v>20</v>
      </c>
    </row>
    <row r="7" spans="1:9" hidden="1" x14ac:dyDescent="0.2">
      <c r="A7" s="40">
        <v>1949</v>
      </c>
      <c r="B7" s="37" t="s">
        <v>19</v>
      </c>
      <c r="C7" s="13" t="s">
        <v>10</v>
      </c>
      <c r="D7" s="12">
        <f t="shared" ref="D7:D12" si="0">H7+F7+E7</f>
        <v>0</v>
      </c>
      <c r="E7" s="11"/>
      <c r="F7" s="11"/>
      <c r="G7" s="11"/>
      <c r="H7" s="11"/>
      <c r="I7" s="10"/>
    </row>
    <row r="8" spans="1:9" hidden="1" x14ac:dyDescent="0.2">
      <c r="A8" s="41"/>
      <c r="B8" s="38"/>
      <c r="C8" s="9" t="s">
        <v>6</v>
      </c>
      <c r="D8" s="8">
        <f t="shared" si="0"/>
        <v>0</v>
      </c>
      <c r="E8" s="7"/>
      <c r="F8" s="7"/>
      <c r="G8" s="7"/>
      <c r="H8" s="7"/>
      <c r="I8" s="6"/>
    </row>
    <row r="9" spans="1:9" hidden="1" x14ac:dyDescent="0.2">
      <c r="A9" s="42"/>
      <c r="B9" s="39"/>
      <c r="C9" s="17" t="s">
        <v>5</v>
      </c>
      <c r="D9" s="16">
        <f t="shared" si="0"/>
        <v>0</v>
      </c>
      <c r="E9" s="15"/>
      <c r="F9" s="15"/>
      <c r="G9" s="15"/>
      <c r="H9" s="15"/>
      <c r="I9" s="14"/>
    </row>
    <row r="10" spans="1:9" hidden="1" x14ac:dyDescent="0.2">
      <c r="A10" s="40">
        <v>1954</v>
      </c>
      <c r="B10" s="37" t="s">
        <v>18</v>
      </c>
      <c r="C10" s="13" t="s">
        <v>10</v>
      </c>
      <c r="D10" s="12">
        <f t="shared" si="0"/>
        <v>0</v>
      </c>
      <c r="E10" s="11"/>
      <c r="F10" s="11"/>
      <c r="G10" s="11"/>
      <c r="H10" s="11"/>
      <c r="I10" s="10"/>
    </row>
    <row r="11" spans="1:9" hidden="1" x14ac:dyDescent="0.2">
      <c r="A11" s="41"/>
      <c r="B11" s="38"/>
      <c r="C11" s="9" t="s">
        <v>6</v>
      </c>
      <c r="D11" s="8">
        <f t="shared" si="0"/>
        <v>0</v>
      </c>
      <c r="E11" s="7"/>
      <c r="F11" s="7"/>
      <c r="G11" s="7"/>
      <c r="H11" s="7"/>
      <c r="I11" s="6"/>
    </row>
    <row r="12" spans="1:9" hidden="1" x14ac:dyDescent="0.2">
      <c r="A12" s="42"/>
      <c r="B12" s="39"/>
      <c r="C12" s="17" t="s">
        <v>5</v>
      </c>
      <c r="D12" s="16">
        <f t="shared" si="0"/>
        <v>0</v>
      </c>
      <c r="E12" s="15"/>
      <c r="F12" s="15"/>
      <c r="G12" s="15"/>
      <c r="H12" s="15"/>
      <c r="I12" s="14"/>
    </row>
    <row r="13" spans="1:9" ht="19.5" customHeight="1" x14ac:dyDescent="0.2">
      <c r="A13" s="40">
        <v>1963</v>
      </c>
      <c r="B13" s="37" t="s">
        <v>17</v>
      </c>
      <c r="C13" s="13" t="s">
        <v>10</v>
      </c>
      <c r="D13" s="12">
        <v>51</v>
      </c>
      <c r="E13" s="11">
        <v>12</v>
      </c>
      <c r="F13" s="11">
        <v>34</v>
      </c>
      <c r="G13" s="23"/>
      <c r="H13" s="11">
        <v>5</v>
      </c>
      <c r="I13" s="22"/>
    </row>
    <row r="14" spans="1:9" ht="19.5" customHeight="1" x14ac:dyDescent="0.2">
      <c r="A14" s="41"/>
      <c r="B14" s="38"/>
      <c r="C14" s="9" t="s">
        <v>6</v>
      </c>
      <c r="D14" s="8">
        <v>92</v>
      </c>
      <c r="E14" s="7">
        <v>3</v>
      </c>
      <c r="F14" s="7">
        <v>82</v>
      </c>
      <c r="G14" s="21"/>
      <c r="H14" s="7">
        <v>7</v>
      </c>
      <c r="I14" s="20"/>
    </row>
    <row r="15" spans="1:9" ht="19.5" customHeight="1" x14ac:dyDescent="0.2">
      <c r="A15" s="42"/>
      <c r="B15" s="39"/>
      <c r="C15" s="17" t="s">
        <v>5</v>
      </c>
      <c r="D15" s="16">
        <v>258</v>
      </c>
      <c r="E15" s="15">
        <v>7</v>
      </c>
      <c r="F15" s="15">
        <v>131</v>
      </c>
      <c r="G15" s="19"/>
      <c r="H15" s="15">
        <v>120</v>
      </c>
      <c r="I15" s="18"/>
    </row>
    <row r="16" spans="1:9" ht="19.5" customHeight="1" x14ac:dyDescent="0.2">
      <c r="A16" s="40">
        <v>1968</v>
      </c>
      <c r="B16" s="37" t="s">
        <v>16</v>
      </c>
      <c r="C16" s="13" t="s">
        <v>10</v>
      </c>
      <c r="D16" s="12">
        <v>90</v>
      </c>
      <c r="E16" s="11">
        <v>13</v>
      </c>
      <c r="F16" s="11">
        <v>42</v>
      </c>
      <c r="G16" s="23"/>
      <c r="H16" s="11">
        <v>35</v>
      </c>
      <c r="I16" s="22"/>
    </row>
    <row r="17" spans="1:9" ht="19.5" customHeight="1" x14ac:dyDescent="0.2">
      <c r="A17" s="41"/>
      <c r="B17" s="38"/>
      <c r="C17" s="9" t="s">
        <v>6</v>
      </c>
      <c r="D17" s="8">
        <v>126</v>
      </c>
      <c r="E17" s="7">
        <v>15</v>
      </c>
      <c r="F17" s="7">
        <v>28</v>
      </c>
      <c r="G17" s="21"/>
      <c r="H17" s="7">
        <v>83</v>
      </c>
      <c r="I17" s="20"/>
    </row>
    <row r="18" spans="1:9" ht="19.5" customHeight="1" x14ac:dyDescent="0.2">
      <c r="A18" s="42"/>
      <c r="B18" s="39"/>
      <c r="C18" s="17" t="s">
        <v>5</v>
      </c>
      <c r="D18" s="16">
        <v>198</v>
      </c>
      <c r="E18" s="15">
        <v>9</v>
      </c>
      <c r="F18" s="15">
        <v>61</v>
      </c>
      <c r="G18" s="19"/>
      <c r="H18" s="15">
        <v>128</v>
      </c>
      <c r="I18" s="18"/>
    </row>
    <row r="19" spans="1:9" ht="19.5" customHeight="1" x14ac:dyDescent="0.2">
      <c r="A19" s="40">
        <v>1973</v>
      </c>
      <c r="B19" s="37" t="s">
        <v>15</v>
      </c>
      <c r="C19" s="13" t="s">
        <v>10</v>
      </c>
      <c r="D19" s="12">
        <v>81</v>
      </c>
      <c r="E19" s="11">
        <v>35</v>
      </c>
      <c r="F19" s="11">
        <v>29</v>
      </c>
      <c r="G19" s="23"/>
      <c r="H19" s="11">
        <v>17</v>
      </c>
      <c r="I19" s="22"/>
    </row>
    <row r="20" spans="1:9" ht="19.5" customHeight="1" x14ac:dyDescent="0.2">
      <c r="A20" s="41"/>
      <c r="B20" s="38"/>
      <c r="C20" s="9" t="s">
        <v>6</v>
      </c>
      <c r="D20" s="8">
        <v>106</v>
      </c>
      <c r="E20" s="7">
        <v>9</v>
      </c>
      <c r="F20" s="7">
        <v>66</v>
      </c>
      <c r="G20" s="21"/>
      <c r="H20" s="7">
        <v>31</v>
      </c>
      <c r="I20" s="20"/>
    </row>
    <row r="21" spans="1:9" ht="19.5" customHeight="1" x14ac:dyDescent="0.2">
      <c r="A21" s="42"/>
      <c r="B21" s="39"/>
      <c r="C21" s="17" t="s">
        <v>5</v>
      </c>
      <c r="D21" s="16">
        <v>134</v>
      </c>
      <c r="E21" s="15">
        <v>0</v>
      </c>
      <c r="F21" s="15">
        <v>38</v>
      </c>
      <c r="G21" s="19"/>
      <c r="H21" s="15">
        <v>96</v>
      </c>
      <c r="I21" s="18"/>
    </row>
    <row r="22" spans="1:9" ht="19.5" customHeight="1" x14ac:dyDescent="0.2">
      <c r="A22" s="40">
        <v>1978</v>
      </c>
      <c r="B22" s="37" t="s">
        <v>14</v>
      </c>
      <c r="C22" s="13" t="s">
        <v>10</v>
      </c>
      <c r="D22" s="12">
        <v>77</v>
      </c>
      <c r="E22" s="11">
        <v>49</v>
      </c>
      <c r="F22" s="11">
        <v>20</v>
      </c>
      <c r="G22" s="23"/>
      <c r="H22" s="11">
        <v>8</v>
      </c>
      <c r="I22" s="22"/>
    </row>
    <row r="23" spans="1:9" ht="19.5" customHeight="1" x14ac:dyDescent="0.2">
      <c r="A23" s="41"/>
      <c r="B23" s="38"/>
      <c r="C23" s="9" t="s">
        <v>6</v>
      </c>
      <c r="D23" s="8">
        <v>109</v>
      </c>
      <c r="E23" s="7">
        <v>25</v>
      </c>
      <c r="F23" s="7">
        <v>35</v>
      </c>
      <c r="G23" s="21"/>
      <c r="H23" s="7">
        <v>49</v>
      </c>
      <c r="I23" s="20"/>
    </row>
    <row r="24" spans="1:9" ht="19.5" customHeight="1" x14ac:dyDescent="0.2">
      <c r="A24" s="42"/>
      <c r="B24" s="39"/>
      <c r="C24" s="17" t="s">
        <v>5</v>
      </c>
      <c r="D24" s="16">
        <v>116</v>
      </c>
      <c r="E24" s="15">
        <v>12</v>
      </c>
      <c r="F24" s="15">
        <v>71</v>
      </c>
      <c r="G24" s="19"/>
      <c r="H24" s="15">
        <v>33</v>
      </c>
      <c r="I24" s="18"/>
    </row>
    <row r="25" spans="1:9" ht="19.5" customHeight="1" x14ac:dyDescent="0.2">
      <c r="A25" s="40">
        <v>1983</v>
      </c>
      <c r="B25" s="37" t="s">
        <v>13</v>
      </c>
      <c r="C25" s="13" t="s">
        <v>10</v>
      </c>
      <c r="D25" s="12">
        <v>71</v>
      </c>
      <c r="E25" s="11">
        <v>12</v>
      </c>
      <c r="F25" s="11">
        <v>14</v>
      </c>
      <c r="G25" s="23"/>
      <c r="H25" s="11">
        <v>45</v>
      </c>
      <c r="I25" s="22"/>
    </row>
    <row r="26" spans="1:9" ht="19.5" customHeight="1" x14ac:dyDescent="0.2">
      <c r="A26" s="41"/>
      <c r="B26" s="38"/>
      <c r="C26" s="9" t="s">
        <v>6</v>
      </c>
      <c r="D26" s="8">
        <v>87</v>
      </c>
      <c r="E26" s="7">
        <v>11</v>
      </c>
      <c r="F26" s="7">
        <v>14</v>
      </c>
      <c r="G26" s="21"/>
      <c r="H26" s="7">
        <v>62</v>
      </c>
      <c r="I26" s="20"/>
    </row>
    <row r="27" spans="1:9" ht="19.5" customHeight="1" x14ac:dyDescent="0.2">
      <c r="A27" s="42"/>
      <c r="B27" s="39"/>
      <c r="C27" s="17" t="s">
        <v>5</v>
      </c>
      <c r="D27" s="16">
        <v>102</v>
      </c>
      <c r="E27" s="15">
        <v>20</v>
      </c>
      <c r="F27" s="15">
        <v>61</v>
      </c>
      <c r="G27" s="19"/>
      <c r="H27" s="15">
        <v>21</v>
      </c>
      <c r="I27" s="18"/>
    </row>
    <row r="28" spans="1:9" ht="19.5" customHeight="1" x14ac:dyDescent="0.2">
      <c r="A28" s="40">
        <v>1988</v>
      </c>
      <c r="B28" s="37" t="s">
        <v>12</v>
      </c>
      <c r="C28" s="13" t="s">
        <v>10</v>
      </c>
      <c r="D28" s="12">
        <v>66</v>
      </c>
      <c r="E28" s="11">
        <v>11</v>
      </c>
      <c r="F28" s="11">
        <v>43</v>
      </c>
      <c r="G28" s="11">
        <v>36</v>
      </c>
      <c r="H28" s="11">
        <v>12</v>
      </c>
      <c r="I28" s="10">
        <v>9</v>
      </c>
    </row>
    <row r="29" spans="1:9" ht="19.5" customHeight="1" x14ac:dyDescent="0.2">
      <c r="A29" s="41"/>
      <c r="B29" s="38"/>
      <c r="C29" s="9" t="s">
        <v>6</v>
      </c>
      <c r="D29" s="8">
        <v>82</v>
      </c>
      <c r="E29" s="7">
        <v>17</v>
      </c>
      <c r="F29" s="7">
        <v>23</v>
      </c>
      <c r="G29" s="7">
        <v>5</v>
      </c>
      <c r="H29" s="7">
        <v>42</v>
      </c>
      <c r="I29" s="6">
        <v>6</v>
      </c>
    </row>
    <row r="30" spans="1:9" ht="19.5" customHeight="1" x14ac:dyDescent="0.2">
      <c r="A30" s="42"/>
      <c r="B30" s="39"/>
      <c r="C30" s="17" t="s">
        <v>5</v>
      </c>
      <c r="D30" s="16">
        <v>98</v>
      </c>
      <c r="E30" s="15">
        <v>22</v>
      </c>
      <c r="F30" s="15">
        <v>51</v>
      </c>
      <c r="G30" s="15">
        <v>11</v>
      </c>
      <c r="H30" s="15">
        <v>25</v>
      </c>
      <c r="I30" s="14">
        <v>6</v>
      </c>
    </row>
    <row r="31" spans="1:9" ht="19.5" customHeight="1" x14ac:dyDescent="0.2">
      <c r="A31" s="40">
        <v>1993</v>
      </c>
      <c r="B31" s="37" t="s">
        <v>11</v>
      </c>
      <c r="C31" s="13" t="s">
        <v>10</v>
      </c>
      <c r="D31" s="12">
        <v>66</v>
      </c>
      <c r="E31" s="11">
        <v>10</v>
      </c>
      <c r="F31" s="11">
        <v>52</v>
      </c>
      <c r="G31" s="11">
        <v>46</v>
      </c>
      <c r="H31" s="11">
        <v>4</v>
      </c>
      <c r="I31" s="10">
        <v>1</v>
      </c>
    </row>
    <row r="32" spans="1:9" ht="19.5" customHeight="1" x14ac:dyDescent="0.2">
      <c r="A32" s="41"/>
      <c r="B32" s="38"/>
      <c r="C32" s="9" t="s">
        <v>6</v>
      </c>
      <c r="D32" s="8">
        <v>64</v>
      </c>
      <c r="E32" s="7">
        <v>12</v>
      </c>
      <c r="F32" s="7">
        <v>36</v>
      </c>
      <c r="G32" s="7">
        <v>9</v>
      </c>
      <c r="H32" s="7">
        <v>16</v>
      </c>
      <c r="I32" s="6">
        <v>3</v>
      </c>
    </row>
    <row r="33" spans="1:9" ht="19.5" customHeight="1" x14ac:dyDescent="0.2">
      <c r="A33" s="42"/>
      <c r="B33" s="39"/>
      <c r="C33" s="17" t="s">
        <v>5</v>
      </c>
      <c r="D33" s="16">
        <v>83</v>
      </c>
      <c r="E33" s="15">
        <v>33</v>
      </c>
      <c r="F33" s="15">
        <v>39</v>
      </c>
      <c r="G33" s="15">
        <v>10</v>
      </c>
      <c r="H33" s="15">
        <v>11</v>
      </c>
      <c r="I33" s="14">
        <v>1</v>
      </c>
    </row>
    <row r="34" spans="1:9" ht="19.5" customHeight="1" x14ac:dyDescent="0.2">
      <c r="A34" s="40">
        <v>1998</v>
      </c>
      <c r="B34" s="37" t="s">
        <v>9</v>
      </c>
      <c r="C34" s="13" t="s">
        <v>7</v>
      </c>
      <c r="D34" s="12">
        <v>54</v>
      </c>
      <c r="E34" s="11">
        <v>11</v>
      </c>
      <c r="F34" s="11">
        <v>42</v>
      </c>
      <c r="G34" s="11">
        <v>21</v>
      </c>
      <c r="H34" s="11">
        <v>1</v>
      </c>
      <c r="I34" s="10">
        <v>0</v>
      </c>
    </row>
    <row r="35" spans="1:9" ht="19.5" customHeight="1" x14ac:dyDescent="0.2">
      <c r="A35" s="41"/>
      <c r="B35" s="38"/>
      <c r="C35" s="9" t="s">
        <v>6</v>
      </c>
      <c r="D35" s="8">
        <v>58</v>
      </c>
      <c r="E35" s="7">
        <v>16</v>
      </c>
      <c r="F35" s="7">
        <v>31</v>
      </c>
      <c r="G35" s="7">
        <v>15</v>
      </c>
      <c r="H35" s="7">
        <v>11</v>
      </c>
      <c r="I35" s="6">
        <v>2</v>
      </c>
    </row>
    <row r="36" spans="1:9" ht="19.5" customHeight="1" x14ac:dyDescent="0.2">
      <c r="A36" s="42"/>
      <c r="B36" s="39"/>
      <c r="C36" s="17" t="s">
        <v>5</v>
      </c>
      <c r="D36" s="16">
        <v>66</v>
      </c>
      <c r="E36" s="15">
        <v>30</v>
      </c>
      <c r="F36" s="15">
        <v>28</v>
      </c>
      <c r="G36" s="15">
        <v>5</v>
      </c>
      <c r="H36" s="15">
        <v>8</v>
      </c>
      <c r="I36" s="14">
        <v>0</v>
      </c>
    </row>
    <row r="37" spans="1:9" ht="19.5" customHeight="1" x14ac:dyDescent="0.2">
      <c r="A37" s="40">
        <v>2003</v>
      </c>
      <c r="B37" s="37" t="s">
        <v>8</v>
      </c>
      <c r="C37" s="13" t="s">
        <v>7</v>
      </c>
      <c r="D37" s="12">
        <v>47</v>
      </c>
      <c r="E37" s="11">
        <v>7</v>
      </c>
      <c r="F37" s="11">
        <v>40</v>
      </c>
      <c r="G37" s="11">
        <v>29</v>
      </c>
      <c r="H37" s="11">
        <v>0</v>
      </c>
      <c r="I37" s="10">
        <v>0</v>
      </c>
    </row>
    <row r="38" spans="1:9" ht="19.5" customHeight="1" x14ac:dyDescent="0.2">
      <c r="A38" s="41"/>
      <c r="B38" s="38"/>
      <c r="C38" s="9" t="s">
        <v>6</v>
      </c>
      <c r="D38" s="8">
        <v>46</v>
      </c>
      <c r="E38" s="7">
        <v>6</v>
      </c>
      <c r="F38" s="7">
        <v>32</v>
      </c>
      <c r="G38" s="7">
        <v>12</v>
      </c>
      <c r="H38" s="7">
        <v>8</v>
      </c>
      <c r="I38" s="6">
        <v>3</v>
      </c>
    </row>
    <row r="39" spans="1:9" ht="19.5" customHeight="1" x14ac:dyDescent="0.2">
      <c r="A39" s="42"/>
      <c r="B39" s="39"/>
      <c r="C39" s="17" t="s">
        <v>5</v>
      </c>
      <c r="D39" s="16">
        <v>54</v>
      </c>
      <c r="E39" s="15">
        <v>31</v>
      </c>
      <c r="F39" s="15">
        <v>20</v>
      </c>
      <c r="G39" s="15">
        <v>9</v>
      </c>
      <c r="H39" s="15">
        <v>3</v>
      </c>
      <c r="I39" s="14">
        <v>1</v>
      </c>
    </row>
    <row r="40" spans="1:9" ht="19.5" customHeight="1" x14ac:dyDescent="0.2">
      <c r="A40" s="45">
        <v>2008</v>
      </c>
      <c r="B40" s="43" t="s">
        <v>4</v>
      </c>
      <c r="C40" s="13" t="s">
        <v>2</v>
      </c>
      <c r="D40" s="12">
        <v>47</v>
      </c>
      <c r="E40" s="11">
        <v>9</v>
      </c>
      <c r="F40" s="11">
        <v>38</v>
      </c>
      <c r="G40" s="11">
        <v>29</v>
      </c>
      <c r="H40" s="11">
        <v>0</v>
      </c>
      <c r="I40" s="10">
        <v>0</v>
      </c>
    </row>
    <row r="41" spans="1:9" ht="19.5" customHeight="1" x14ac:dyDescent="0.2">
      <c r="A41" s="45"/>
      <c r="B41" s="43"/>
      <c r="C41" s="9" t="s">
        <v>1</v>
      </c>
      <c r="D41" s="8">
        <v>40</v>
      </c>
      <c r="E41" s="7">
        <v>18</v>
      </c>
      <c r="F41" s="7">
        <v>17</v>
      </c>
      <c r="G41" s="7">
        <v>14</v>
      </c>
      <c r="H41" s="7">
        <v>5</v>
      </c>
      <c r="I41" s="6">
        <v>0</v>
      </c>
    </row>
    <row r="42" spans="1:9" ht="19.5" customHeight="1" x14ac:dyDescent="0.2">
      <c r="A42" s="45"/>
      <c r="B42" s="43"/>
      <c r="C42" s="17" t="s">
        <v>0</v>
      </c>
      <c r="D42" s="16">
        <v>46</v>
      </c>
      <c r="E42" s="15">
        <v>33</v>
      </c>
      <c r="F42" s="15">
        <v>12</v>
      </c>
      <c r="G42" s="15">
        <v>4</v>
      </c>
      <c r="H42" s="15">
        <v>1</v>
      </c>
      <c r="I42" s="14">
        <v>0</v>
      </c>
    </row>
    <row r="43" spans="1:9" ht="19.5" customHeight="1" x14ac:dyDescent="0.2">
      <c r="A43" s="45">
        <v>2013</v>
      </c>
      <c r="B43" s="43" t="s">
        <v>3</v>
      </c>
      <c r="C43" s="13" t="s">
        <v>2</v>
      </c>
      <c r="D43" s="12">
        <v>45</v>
      </c>
      <c r="E43" s="11">
        <v>9</v>
      </c>
      <c r="F43" s="11">
        <v>32</v>
      </c>
      <c r="G43" s="11">
        <v>32</v>
      </c>
      <c r="H43" s="11">
        <v>4</v>
      </c>
      <c r="I43" s="10">
        <v>4</v>
      </c>
    </row>
    <row r="44" spans="1:9" ht="19.5" customHeight="1" x14ac:dyDescent="0.2">
      <c r="A44" s="45"/>
      <c r="B44" s="43"/>
      <c r="C44" s="9" t="s">
        <v>1</v>
      </c>
      <c r="D44" s="8">
        <v>29</v>
      </c>
      <c r="E44" s="7">
        <v>10</v>
      </c>
      <c r="F44" s="7">
        <v>16</v>
      </c>
      <c r="G44" s="7">
        <v>11</v>
      </c>
      <c r="H44" s="7">
        <v>3</v>
      </c>
      <c r="I44" s="6">
        <v>3</v>
      </c>
    </row>
    <row r="45" spans="1:9" ht="19.5" customHeight="1" x14ac:dyDescent="0.2">
      <c r="A45" s="45"/>
      <c r="B45" s="43"/>
      <c r="C45" s="30" t="s">
        <v>0</v>
      </c>
      <c r="D45" s="16">
        <v>32</v>
      </c>
      <c r="E45" s="32">
        <v>16</v>
      </c>
      <c r="F45" s="32">
        <v>11</v>
      </c>
      <c r="G45" s="15">
        <v>0</v>
      </c>
      <c r="H45" s="15">
        <v>5</v>
      </c>
      <c r="I45" s="34">
        <v>3</v>
      </c>
    </row>
    <row r="46" spans="1:9" ht="19.5" customHeight="1" x14ac:dyDescent="0.2">
      <c r="A46" s="42">
        <v>2018</v>
      </c>
      <c r="B46" s="39" t="s">
        <v>32</v>
      </c>
      <c r="C46" s="13" t="s">
        <v>2</v>
      </c>
      <c r="D46" s="31">
        <v>40</v>
      </c>
      <c r="E46" s="11">
        <v>4</v>
      </c>
      <c r="F46" s="11">
        <v>33</v>
      </c>
      <c r="G46" s="33">
        <v>28</v>
      </c>
      <c r="H46" s="33">
        <v>3</v>
      </c>
      <c r="I46" s="10">
        <v>3</v>
      </c>
    </row>
    <row r="47" spans="1:9" ht="19.5" customHeight="1" x14ac:dyDescent="0.2">
      <c r="A47" s="45"/>
      <c r="B47" s="43"/>
      <c r="C47" s="9" t="s">
        <v>1</v>
      </c>
      <c r="D47" s="8">
        <v>24</v>
      </c>
      <c r="E47" s="7">
        <v>8</v>
      </c>
      <c r="F47" s="7">
        <v>15</v>
      </c>
      <c r="G47" s="7">
        <v>1</v>
      </c>
      <c r="H47" s="7">
        <v>1</v>
      </c>
      <c r="I47" s="6">
        <v>0</v>
      </c>
    </row>
    <row r="48" spans="1:9" ht="19.5" customHeight="1" thickBot="1" x14ac:dyDescent="0.25">
      <c r="A48" s="46"/>
      <c r="B48" s="44"/>
      <c r="C48" s="5" t="s">
        <v>0</v>
      </c>
      <c r="D48" s="4">
        <v>27</v>
      </c>
      <c r="E48" s="3">
        <v>13</v>
      </c>
      <c r="F48" s="3">
        <v>11</v>
      </c>
      <c r="G48" s="3">
        <v>7</v>
      </c>
      <c r="H48" s="3">
        <v>3</v>
      </c>
      <c r="I48" s="2">
        <v>1</v>
      </c>
    </row>
  </sheetData>
  <mergeCells count="37">
    <mergeCell ref="B2:I2"/>
    <mergeCell ref="A22:A24"/>
    <mergeCell ref="A19:A21"/>
    <mergeCell ref="A16:A18"/>
    <mergeCell ref="A13:A15"/>
    <mergeCell ref="F4:I4"/>
    <mergeCell ref="F5:F6"/>
    <mergeCell ref="H5:H6"/>
    <mergeCell ref="D4:D6"/>
    <mergeCell ref="C4:C6"/>
    <mergeCell ref="B4:B6"/>
    <mergeCell ref="B7:B9"/>
    <mergeCell ref="A10:A12"/>
    <mergeCell ref="A7:A9"/>
    <mergeCell ref="A4:A6"/>
    <mergeCell ref="B10:B12"/>
    <mergeCell ref="B40:B42"/>
    <mergeCell ref="B46:B48"/>
    <mergeCell ref="A46:A48"/>
    <mergeCell ref="A40:A42"/>
    <mergeCell ref="A37:A39"/>
    <mergeCell ref="B37:B39"/>
    <mergeCell ref="A43:A45"/>
    <mergeCell ref="B43:B45"/>
    <mergeCell ref="E4:E6"/>
    <mergeCell ref="B13:B15"/>
    <mergeCell ref="B16:B18"/>
    <mergeCell ref="B22:B24"/>
    <mergeCell ref="A34:A36"/>
    <mergeCell ref="A31:A33"/>
    <mergeCell ref="A28:A30"/>
    <mergeCell ref="A25:A27"/>
    <mergeCell ref="B19:B21"/>
    <mergeCell ref="B34:B36"/>
    <mergeCell ref="B25:B27"/>
    <mergeCell ref="B28:B30"/>
    <mergeCell ref="B31:B33"/>
  </mergeCells>
  <phoneticPr fontId="1"/>
  <printOptions horizontalCentered="1"/>
  <pageMargins left="0.78740157480314965" right="0.6692913385826772" top="0.98425196850393704" bottom="0.98425196850393704" header="0.51181102362204722" footer="0.51181102362204722"/>
  <pageSetup paperSize="9" scale="92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２－１　漁業経営体（個人）</vt:lpstr>
      <vt:lpstr>'２－１　漁業経営体（個人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1-07-30T05:54:50Z</cp:lastPrinted>
  <dcterms:created xsi:type="dcterms:W3CDTF">2016-06-28T05:07:17Z</dcterms:created>
  <dcterms:modified xsi:type="dcterms:W3CDTF">2021-07-30T07:08:50Z</dcterms:modified>
</cp:coreProperties>
</file>